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4468\Desktop\"/>
    </mc:Choice>
  </mc:AlternateContent>
  <bookViews>
    <workbookView xWindow="0" yWindow="0" windowWidth="28800" windowHeight="12450"/>
  </bookViews>
  <sheets>
    <sheet name="特別障害者手当等" sheetId="1" r:id="rId1"/>
  </sheets>
  <definedNames>
    <definedName name="_xlnm.Print_Area" localSheetId="0">特別障害者手当等!$A$1:$D$32</definedName>
  </definedNames>
  <calcPr calcId="145621"/>
</workbook>
</file>

<file path=xl/sharedStrings.xml><?xml version="1.0" encoding="utf-8"?>
<sst xmlns="http://schemas.openxmlformats.org/spreadsheetml/2006/main" count="95" uniqueCount="89">
  <si>
    <t>0847-89-3335</t>
    <phoneticPr fontId="2"/>
  </si>
  <si>
    <t>福祉課</t>
    <rPh sb="0" eb="3">
      <t>フクシカ</t>
    </rPh>
    <phoneticPr fontId="2"/>
  </si>
  <si>
    <t>神石高原町</t>
    <rPh sb="0" eb="2">
      <t>ジンセキ</t>
    </rPh>
    <rPh sb="2" eb="4">
      <t>コウゲン</t>
    </rPh>
    <rPh sb="4" eb="5">
      <t>チョウ</t>
    </rPh>
    <phoneticPr fontId="2"/>
  </si>
  <si>
    <t>0847-25-0072</t>
  </si>
  <si>
    <t>世羅町</t>
    <rPh sb="0" eb="3">
      <t>セラチョウ</t>
    </rPh>
    <phoneticPr fontId="2"/>
  </si>
  <si>
    <t>0846-62-0301</t>
  </si>
  <si>
    <t>大崎上島町</t>
    <rPh sb="0" eb="5">
      <t>オオサキカミジマチョウ</t>
    </rPh>
    <phoneticPr fontId="2"/>
  </si>
  <si>
    <t>北広島町</t>
    <rPh sb="0" eb="3">
      <t>キタヒロシマ</t>
    </rPh>
    <rPh sb="3" eb="4">
      <t>チョウ</t>
    </rPh>
    <phoneticPr fontId="2"/>
  </si>
  <si>
    <t>0826-25-0250</t>
  </si>
  <si>
    <t>福祉課</t>
    <rPh sb="0" eb="2">
      <t>フクシ</t>
    </rPh>
    <rPh sb="2" eb="3">
      <t>カ</t>
    </rPh>
    <phoneticPr fontId="2"/>
  </si>
  <si>
    <t>安芸太田町</t>
    <rPh sb="0" eb="2">
      <t>アキ</t>
    </rPh>
    <rPh sb="2" eb="5">
      <t>オオタチョウ</t>
    </rPh>
    <phoneticPr fontId="2"/>
  </si>
  <si>
    <t>082-820-1505</t>
  </si>
  <si>
    <t>民生部民生課</t>
    <rPh sb="0" eb="2">
      <t>ミンセイ</t>
    </rPh>
    <rPh sb="2" eb="3">
      <t>ブ</t>
    </rPh>
    <rPh sb="3" eb="5">
      <t>ミンセイ</t>
    </rPh>
    <rPh sb="5" eb="6">
      <t>カ</t>
    </rPh>
    <phoneticPr fontId="2"/>
  </si>
  <si>
    <t>坂町</t>
    <rPh sb="0" eb="1">
      <t>サカ</t>
    </rPh>
    <rPh sb="1" eb="2">
      <t>チョウ</t>
    </rPh>
    <phoneticPr fontId="2"/>
  </si>
  <si>
    <t>熊野町</t>
    <rPh sb="0" eb="3">
      <t>クマノチョウ</t>
    </rPh>
    <phoneticPr fontId="2"/>
  </si>
  <si>
    <t>082-823-9207</t>
  </si>
  <si>
    <t>福祉保健部社会福祉課</t>
    <rPh sb="0" eb="2">
      <t>フクシ</t>
    </rPh>
    <rPh sb="2" eb="4">
      <t>ホケン</t>
    </rPh>
    <rPh sb="4" eb="5">
      <t>ブ</t>
    </rPh>
    <rPh sb="5" eb="7">
      <t>シャカイ</t>
    </rPh>
    <rPh sb="7" eb="9">
      <t>フクシ</t>
    </rPh>
    <rPh sb="9" eb="10">
      <t>カ</t>
    </rPh>
    <phoneticPr fontId="2"/>
  </si>
  <si>
    <t>海田町</t>
    <rPh sb="0" eb="3">
      <t>カイタチョウ</t>
    </rPh>
    <phoneticPr fontId="2"/>
  </si>
  <si>
    <t>082-286-3161</t>
  </si>
  <si>
    <t>福祉保健部福祉課</t>
    <rPh sb="0" eb="2">
      <t>フクシ</t>
    </rPh>
    <rPh sb="2" eb="4">
      <t>ホケン</t>
    </rPh>
    <rPh sb="4" eb="5">
      <t>ブ</t>
    </rPh>
    <rPh sb="5" eb="8">
      <t>フクシカ</t>
    </rPh>
    <phoneticPr fontId="2"/>
  </si>
  <si>
    <t>府中町</t>
    <rPh sb="0" eb="2">
      <t>フチュウ</t>
    </rPh>
    <rPh sb="2" eb="3">
      <t>チョウ</t>
    </rPh>
    <phoneticPr fontId="2"/>
  </si>
  <si>
    <t>福祉保健部社会福祉課</t>
    <rPh sb="0" eb="2">
      <t>フクシ</t>
    </rPh>
    <rPh sb="2" eb="4">
      <t>ホケン</t>
    </rPh>
    <rPh sb="4" eb="5">
      <t>ブ</t>
    </rPh>
    <rPh sb="5" eb="7">
      <t>シャカイ</t>
    </rPh>
    <rPh sb="7" eb="10">
      <t>フクシカ</t>
    </rPh>
    <phoneticPr fontId="2"/>
  </si>
  <si>
    <t>江田島市</t>
    <rPh sb="0" eb="3">
      <t>エタジマ</t>
    </rPh>
    <rPh sb="3" eb="4">
      <t>シ</t>
    </rPh>
    <phoneticPr fontId="2"/>
  </si>
  <si>
    <t>0826-42-5615</t>
  </si>
  <si>
    <t>安芸高田市</t>
    <rPh sb="0" eb="5">
      <t>アキタカタシ</t>
    </rPh>
    <phoneticPr fontId="2"/>
  </si>
  <si>
    <t>0829-30-9152</t>
  </si>
  <si>
    <t>福祉保健部障害福祉課</t>
    <rPh sb="0" eb="2">
      <t>フクシ</t>
    </rPh>
    <rPh sb="2" eb="4">
      <t>ホケン</t>
    </rPh>
    <rPh sb="4" eb="5">
      <t>ブ</t>
    </rPh>
    <rPh sb="5" eb="7">
      <t>ショウガイ</t>
    </rPh>
    <rPh sb="7" eb="10">
      <t>フクシカ</t>
    </rPh>
    <phoneticPr fontId="2"/>
  </si>
  <si>
    <t>廿日市市</t>
    <rPh sb="0" eb="4">
      <t>ハツカイチシ</t>
    </rPh>
    <phoneticPr fontId="2"/>
  </si>
  <si>
    <t>082-420-0180</t>
  </si>
  <si>
    <t>東広島市</t>
    <rPh sb="0" eb="4">
      <t>ヒガシヒロシマシ</t>
    </rPh>
    <phoneticPr fontId="2"/>
  </si>
  <si>
    <t>0827-59-2146</t>
  </si>
  <si>
    <t>大竹市</t>
    <rPh sb="0" eb="3">
      <t>オオタケシ</t>
    </rPh>
    <phoneticPr fontId="2"/>
  </si>
  <si>
    <t>0824-73-1210</t>
  </si>
  <si>
    <t>社会福祉課</t>
    <rPh sb="0" eb="2">
      <t>シャカイ</t>
    </rPh>
    <rPh sb="2" eb="5">
      <t>フクシカ</t>
    </rPh>
    <phoneticPr fontId="2"/>
  </si>
  <si>
    <t>庄原市</t>
    <rPh sb="0" eb="3">
      <t>ショウバラシ</t>
    </rPh>
    <phoneticPr fontId="2"/>
  </si>
  <si>
    <t>三次市</t>
    <rPh sb="0" eb="3">
      <t>ミヨシシ</t>
    </rPh>
    <phoneticPr fontId="2"/>
  </si>
  <si>
    <t>府中市</t>
    <rPh sb="0" eb="3">
      <t>フチュウシ</t>
    </rPh>
    <phoneticPr fontId="2"/>
  </si>
  <si>
    <t xml:space="preserve">084-928-1063 </t>
  </si>
  <si>
    <t>保健福祉局福祉部障がい福祉課</t>
    <rPh sb="0" eb="2">
      <t>ホケン</t>
    </rPh>
    <rPh sb="2" eb="4">
      <t>フクシ</t>
    </rPh>
    <rPh sb="4" eb="5">
      <t>キョク</t>
    </rPh>
    <rPh sb="5" eb="7">
      <t>フクシ</t>
    </rPh>
    <rPh sb="7" eb="8">
      <t>ブ</t>
    </rPh>
    <rPh sb="8" eb="9">
      <t>サワ</t>
    </rPh>
    <rPh sb="11" eb="14">
      <t>フクシカ</t>
    </rPh>
    <phoneticPr fontId="2"/>
  </si>
  <si>
    <t>福山市</t>
    <rPh sb="0" eb="3">
      <t>フクヤマシ</t>
    </rPh>
    <phoneticPr fontId="2"/>
  </si>
  <si>
    <t>0848-38-9125</t>
  </si>
  <si>
    <t>尾道市</t>
    <rPh sb="0" eb="3">
      <t>オノミチシ</t>
    </rPh>
    <phoneticPr fontId="2"/>
  </si>
  <si>
    <t>保健福祉部社会福祉課</t>
    <rPh sb="0" eb="2">
      <t>ホケン</t>
    </rPh>
    <rPh sb="2" eb="4">
      <t>フクシ</t>
    </rPh>
    <rPh sb="4" eb="5">
      <t>ブ</t>
    </rPh>
    <rPh sb="5" eb="7">
      <t>シャカイ</t>
    </rPh>
    <rPh sb="7" eb="9">
      <t>フクシ</t>
    </rPh>
    <rPh sb="9" eb="10">
      <t>カ</t>
    </rPh>
    <phoneticPr fontId="2"/>
  </si>
  <si>
    <t>三原市</t>
    <rPh sb="0" eb="3">
      <t>ミハラシ</t>
    </rPh>
    <phoneticPr fontId="2"/>
  </si>
  <si>
    <t>竹原市</t>
    <rPh sb="0" eb="3">
      <t>タケハラシ</t>
    </rPh>
    <phoneticPr fontId="2"/>
  </si>
  <si>
    <t>0823-25-3135</t>
  </si>
  <si>
    <t>呉市</t>
    <rPh sb="0" eb="2">
      <t>クレシ</t>
    </rPh>
    <phoneticPr fontId="2"/>
  </si>
  <si>
    <t>082-923-9769</t>
    <phoneticPr fontId="2"/>
  </si>
  <si>
    <t>広島佐伯</t>
    <rPh sb="0" eb="2">
      <t>ヒロシマ</t>
    </rPh>
    <rPh sb="2" eb="4">
      <t>サエキ</t>
    </rPh>
    <phoneticPr fontId="2"/>
  </si>
  <si>
    <t>広島安芸</t>
    <rPh sb="0" eb="2">
      <t>ヒロシマ</t>
    </rPh>
    <rPh sb="2" eb="4">
      <t>アキ</t>
    </rPh>
    <phoneticPr fontId="2"/>
  </si>
  <si>
    <t>082-819-0608</t>
  </si>
  <si>
    <t>広島安佐北</t>
    <rPh sb="0" eb="2">
      <t>ヒロシマ</t>
    </rPh>
    <rPh sb="2" eb="5">
      <t>アサキタ</t>
    </rPh>
    <phoneticPr fontId="2"/>
  </si>
  <si>
    <t>082-831-4946</t>
    <phoneticPr fontId="2"/>
  </si>
  <si>
    <t>広島安佐南</t>
    <rPh sb="0" eb="2">
      <t>ヒロシマ</t>
    </rPh>
    <rPh sb="2" eb="5">
      <t>アサミナミ</t>
    </rPh>
    <phoneticPr fontId="2"/>
  </si>
  <si>
    <t>082-294-6346</t>
    <phoneticPr fontId="2"/>
  </si>
  <si>
    <t>広島西</t>
    <rPh sb="0" eb="2">
      <t>ヒロシマ</t>
    </rPh>
    <rPh sb="2" eb="3">
      <t>ニシ</t>
    </rPh>
    <phoneticPr fontId="2"/>
  </si>
  <si>
    <t>082-250-4132</t>
    <phoneticPr fontId="2"/>
  </si>
  <si>
    <t>広島南</t>
    <rPh sb="0" eb="2">
      <t>ヒロシマ</t>
    </rPh>
    <rPh sb="2" eb="3">
      <t>ミナミ</t>
    </rPh>
    <phoneticPr fontId="2"/>
  </si>
  <si>
    <t>082-568-7734</t>
    <phoneticPr fontId="2"/>
  </si>
  <si>
    <t>広島東</t>
    <rPh sb="0" eb="2">
      <t>ヒロシマ</t>
    </rPh>
    <rPh sb="2" eb="3">
      <t>ヒガシ</t>
    </rPh>
    <phoneticPr fontId="2"/>
  </si>
  <si>
    <t>082-504-2588</t>
    <phoneticPr fontId="2"/>
  </si>
  <si>
    <t>広島中</t>
    <rPh sb="0" eb="2">
      <t>ヒロシマ</t>
    </rPh>
    <rPh sb="2" eb="3">
      <t>ナカ</t>
    </rPh>
    <phoneticPr fontId="2"/>
  </si>
  <si>
    <t>広　島　市</t>
    <rPh sb="0" eb="1">
      <t>ヒロ</t>
    </rPh>
    <rPh sb="2" eb="3">
      <t>シマ</t>
    </rPh>
    <rPh sb="4" eb="5">
      <t>シ</t>
    </rPh>
    <phoneticPr fontId="2"/>
  </si>
  <si>
    <t>電話番号</t>
    <rPh sb="0" eb="2">
      <t>デンワ</t>
    </rPh>
    <rPh sb="2" eb="4">
      <t>バンゴウ</t>
    </rPh>
    <phoneticPr fontId="2"/>
  </si>
  <si>
    <t>課　名</t>
    <rPh sb="0" eb="1">
      <t>カ</t>
    </rPh>
    <rPh sb="2" eb="3">
      <t>メイ</t>
    </rPh>
    <phoneticPr fontId="2"/>
  </si>
  <si>
    <t>市区町</t>
    <rPh sb="0" eb="1">
      <t>シ</t>
    </rPh>
    <rPh sb="1" eb="2">
      <t>ク</t>
    </rPh>
    <rPh sb="2" eb="3">
      <t>マチ</t>
    </rPh>
    <phoneticPr fontId="2"/>
  </si>
  <si>
    <t>各市区町福祉事務所一覧（特別障害者手当等）</t>
    <rPh sb="0" eb="1">
      <t>カク</t>
    </rPh>
    <rPh sb="1" eb="2">
      <t>シ</t>
    </rPh>
    <rPh sb="2" eb="3">
      <t>ク</t>
    </rPh>
    <rPh sb="3" eb="4">
      <t>マチ</t>
    </rPh>
    <rPh sb="4" eb="6">
      <t>フクシ</t>
    </rPh>
    <rPh sb="6" eb="8">
      <t>ジム</t>
    </rPh>
    <rPh sb="8" eb="9">
      <t>ショ</t>
    </rPh>
    <rPh sb="9" eb="11">
      <t>イチラン</t>
    </rPh>
    <rPh sb="12" eb="14">
      <t>トクベツ</t>
    </rPh>
    <rPh sb="14" eb="17">
      <t>ショウガイシャ</t>
    </rPh>
    <rPh sb="17" eb="19">
      <t>テアテ</t>
    </rPh>
    <rPh sb="19" eb="20">
      <t>トウ</t>
    </rPh>
    <phoneticPr fontId="2"/>
  </si>
  <si>
    <t>障害福祉課</t>
    <rPh sb="0" eb="2">
      <t>ショウガイ</t>
    </rPh>
    <rPh sb="2" eb="5">
      <t>フクシカ</t>
    </rPh>
    <phoneticPr fontId="2"/>
  </si>
  <si>
    <t>健康福祉部福祉課</t>
    <rPh sb="0" eb="2">
      <t>ケンコウ</t>
    </rPh>
    <rPh sb="2" eb="4">
      <t>フクシ</t>
    </rPh>
    <rPh sb="4" eb="5">
      <t>ブ</t>
    </rPh>
    <rPh sb="5" eb="8">
      <t>フクシカ</t>
    </rPh>
    <phoneticPr fontId="2"/>
  </si>
  <si>
    <t>0823-43-1638</t>
    <phoneticPr fontId="2"/>
  </si>
  <si>
    <t>082-820-5635</t>
    <phoneticPr fontId="2"/>
  </si>
  <si>
    <t>082-821-2816</t>
    <phoneticPr fontId="2"/>
  </si>
  <si>
    <t>0848-67-6060</t>
    <phoneticPr fontId="2"/>
  </si>
  <si>
    <t>0824-62-6148</t>
    <phoneticPr fontId="2"/>
  </si>
  <si>
    <t>中区役所厚生部福祉課</t>
    <rPh sb="0" eb="4">
      <t>ナカクヤクショ</t>
    </rPh>
    <rPh sb="4" eb="7">
      <t>コウセイブ</t>
    </rPh>
    <rPh sb="7" eb="10">
      <t>フクシカ</t>
    </rPh>
    <phoneticPr fontId="2"/>
  </si>
  <si>
    <t>東区役所厚生部福祉課</t>
    <rPh sb="0" eb="2">
      <t>ヒガシク</t>
    </rPh>
    <rPh sb="2" eb="4">
      <t>ヤクショ</t>
    </rPh>
    <rPh sb="4" eb="7">
      <t>コウセイブ</t>
    </rPh>
    <rPh sb="7" eb="10">
      <t>フクシカ</t>
    </rPh>
    <phoneticPr fontId="2"/>
  </si>
  <si>
    <t>南区役所厚生部福祉課</t>
    <rPh sb="0" eb="4">
      <t>ミナミクヤクショ</t>
    </rPh>
    <rPh sb="4" eb="7">
      <t>コウセイブ</t>
    </rPh>
    <rPh sb="7" eb="10">
      <t>フクシカ</t>
    </rPh>
    <phoneticPr fontId="2"/>
  </si>
  <si>
    <t>西区役所厚生部福祉課</t>
    <rPh sb="0" eb="1">
      <t>ニシ</t>
    </rPh>
    <rPh sb="1" eb="4">
      <t>クヤクショ</t>
    </rPh>
    <rPh sb="4" eb="7">
      <t>コウセイブ</t>
    </rPh>
    <rPh sb="7" eb="10">
      <t>フクシカ</t>
    </rPh>
    <phoneticPr fontId="2"/>
  </si>
  <si>
    <t>安佐南区役所厚生部福祉課</t>
    <rPh sb="0" eb="3">
      <t>アサミナミ</t>
    </rPh>
    <rPh sb="3" eb="6">
      <t>クヤクショ</t>
    </rPh>
    <rPh sb="6" eb="9">
      <t>コウセイブ</t>
    </rPh>
    <rPh sb="9" eb="12">
      <t>フクシカ</t>
    </rPh>
    <phoneticPr fontId="2"/>
  </si>
  <si>
    <t>安佐北区役所厚生部福祉課</t>
    <rPh sb="0" eb="3">
      <t>アサキタ</t>
    </rPh>
    <rPh sb="3" eb="6">
      <t>クヤクショ</t>
    </rPh>
    <rPh sb="6" eb="9">
      <t>コウセイブ</t>
    </rPh>
    <rPh sb="9" eb="12">
      <t>フクシカ</t>
    </rPh>
    <phoneticPr fontId="2"/>
  </si>
  <si>
    <t>安芸区役所厚生部福祉課</t>
    <rPh sb="0" eb="2">
      <t>アキ</t>
    </rPh>
    <rPh sb="2" eb="5">
      <t>クヤクショ</t>
    </rPh>
    <rPh sb="5" eb="8">
      <t>コウセイブ</t>
    </rPh>
    <rPh sb="8" eb="11">
      <t>フクシカ</t>
    </rPh>
    <phoneticPr fontId="2"/>
  </si>
  <si>
    <t>佐伯区役所厚生部福祉課</t>
    <rPh sb="0" eb="2">
      <t>サエキ</t>
    </rPh>
    <rPh sb="2" eb="5">
      <t>クヤクショ</t>
    </rPh>
    <rPh sb="5" eb="8">
      <t>コウセイブ</t>
    </rPh>
    <rPh sb="8" eb="11">
      <t>フクシカ</t>
    </rPh>
    <phoneticPr fontId="2"/>
  </si>
  <si>
    <t>保健福祉課</t>
    <rPh sb="0" eb="2">
      <t>ホケン</t>
    </rPh>
    <rPh sb="2" eb="5">
      <t>フクシカ</t>
    </rPh>
    <phoneticPr fontId="2"/>
  </si>
  <si>
    <t>健康福祉課</t>
    <rPh sb="0" eb="2">
      <t>ケンコウ</t>
    </rPh>
    <rPh sb="2" eb="4">
      <t>フクシ</t>
    </rPh>
    <rPh sb="4" eb="5">
      <t>カ</t>
    </rPh>
    <phoneticPr fontId="2"/>
  </si>
  <si>
    <t>0826-72-7352</t>
  </si>
  <si>
    <t>0846-22-2276</t>
    <phoneticPr fontId="2"/>
  </si>
  <si>
    <t>0847-444-9149</t>
    <phoneticPr fontId="2"/>
  </si>
  <si>
    <t>地域支えあい推進課</t>
    <phoneticPr fontId="2"/>
  </si>
  <si>
    <t>健康福祉部障がい福祉課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HG丸ｺﾞｼｯｸM-PRO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indexed="13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3" fillId="0" borderId="0" applyNumberFormat="0" applyFill="0" applyBorder="0" applyAlignment="0" applyProtection="0">
      <alignment vertical="top"/>
      <protection locked="0"/>
    </xf>
  </cellStyleXfs>
  <cellXfs count="32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Fill="1">
      <alignment vertical="center"/>
    </xf>
    <xf numFmtId="0" fontId="1" fillId="0" borderId="0" xfId="0" applyFont="1" applyBorder="1">
      <alignment vertical="center"/>
    </xf>
    <xf numFmtId="0" fontId="0" fillId="0" borderId="0" xfId="0" applyBorder="1" applyAlignment="1">
      <alignment horizontal="center" vertical="center"/>
    </xf>
    <xf numFmtId="0" fontId="3" fillId="0" borderId="0" xfId="1" applyBorder="1" applyAlignment="1" applyProtection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0" xfId="0" applyBorder="1">
      <alignment vertical="center"/>
    </xf>
    <xf numFmtId="0" fontId="3" fillId="0" borderId="0" xfId="1" applyBorder="1" applyAlignment="1" applyProtection="1">
      <alignment horizontal="left" vertical="center"/>
    </xf>
    <xf numFmtId="0" fontId="0" fillId="0" borderId="1" xfId="0" applyFont="1" applyBorder="1">
      <alignment vertical="center"/>
    </xf>
    <xf numFmtId="0" fontId="0" fillId="0" borderId="2" xfId="0" applyFont="1" applyBorder="1">
      <alignment vertical="center"/>
    </xf>
    <xf numFmtId="0" fontId="0" fillId="0" borderId="4" xfId="0" applyFont="1" applyBorder="1" applyAlignment="1">
      <alignment horizontal="left" vertical="center"/>
    </xf>
    <xf numFmtId="0" fontId="0" fillId="0" borderId="5" xfId="0" applyFont="1" applyBorder="1" applyAlignment="1">
      <alignment vertical="center" shrinkToFit="1"/>
    </xf>
    <xf numFmtId="0" fontId="0" fillId="3" borderId="5" xfId="0" applyFont="1" applyFill="1" applyBorder="1" applyAlignment="1">
      <alignment horizontal="center" vertical="center"/>
    </xf>
    <xf numFmtId="0" fontId="0" fillId="0" borderId="7" xfId="0" applyFont="1" applyBorder="1" applyAlignment="1">
      <alignment horizontal="left" vertical="center"/>
    </xf>
    <xf numFmtId="0" fontId="0" fillId="0" borderId="8" xfId="0" applyFont="1" applyBorder="1" applyAlignment="1">
      <alignment vertical="center" shrinkToFit="1"/>
    </xf>
    <xf numFmtId="0" fontId="0" fillId="3" borderId="8" xfId="0" applyFont="1" applyFill="1" applyBorder="1" applyAlignment="1">
      <alignment horizontal="center" vertical="center"/>
    </xf>
    <xf numFmtId="0" fontId="0" fillId="0" borderId="10" xfId="0" applyFont="1" applyBorder="1" applyAlignment="1">
      <alignment horizontal="left" vertical="center"/>
    </xf>
    <xf numFmtId="0" fontId="0" fillId="0" borderId="11" xfId="0" applyFont="1" applyBorder="1" applyAlignment="1">
      <alignment vertical="center" shrinkToFit="1"/>
    </xf>
    <xf numFmtId="0" fontId="0" fillId="3" borderId="11" xfId="0" applyFont="1" applyFill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1" xfId="0" applyFont="1" applyFill="1" applyBorder="1">
      <alignment vertical="center"/>
    </xf>
    <xf numFmtId="0" fontId="5" fillId="0" borderId="13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2" borderId="12" xfId="0" applyFont="1" applyFill="1" applyBorder="1" applyAlignment="1">
      <alignment horizontal="center" vertical="center" textRotation="255"/>
    </xf>
    <xf numFmtId="0" fontId="0" fillId="2" borderId="9" xfId="0" applyFont="1" applyFill="1" applyBorder="1" applyAlignment="1">
      <alignment horizontal="center" vertical="center" textRotation="255"/>
    </xf>
    <xf numFmtId="0" fontId="0" fillId="2" borderId="6" xfId="0" applyFont="1" applyFill="1" applyBorder="1" applyAlignment="1">
      <alignment horizontal="center" vertical="center" textRotation="255"/>
    </xf>
    <xf numFmtId="0" fontId="0" fillId="3" borderId="3" xfId="0" applyFont="1" applyFill="1" applyBorder="1" applyAlignment="1">
      <alignment horizontal="center" vertical="center"/>
    </xf>
    <xf numFmtId="0" fontId="0" fillId="2" borderId="2" xfId="0" applyFont="1" applyFill="1" applyBorder="1" applyAlignment="1">
      <alignment horizontal="center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23"/>
  <sheetViews>
    <sheetView tabSelected="1" view="pageBreakPreview" zoomScaleNormal="100" zoomScaleSheetLayoutView="100" workbookViewId="0">
      <pane ySplit="1" topLeftCell="A11" activePane="bottomLeft" state="frozen"/>
      <selection pane="bottomLeft" activeCell="C23" sqref="C23"/>
    </sheetView>
  </sheetViews>
  <sheetFormatPr defaultRowHeight="12"/>
  <cols>
    <col min="1" max="1" width="5.625" style="1" customWidth="1"/>
    <col min="2" max="2" width="15.625" style="1" customWidth="1"/>
    <col min="3" max="3" width="29.625" style="1" customWidth="1"/>
    <col min="4" max="4" width="15.625" style="1" customWidth="1"/>
    <col min="5" max="16384" width="9" style="1"/>
  </cols>
  <sheetData>
    <row r="1" spans="1:4" ht="54.75" customHeight="1" thickBot="1">
      <c r="A1" s="24" t="s">
        <v>66</v>
      </c>
      <c r="B1" s="24"/>
      <c r="C1" s="24"/>
      <c r="D1" s="24"/>
    </row>
    <row r="2" spans="1:4" ht="24" customHeight="1" thickBot="1">
      <c r="A2" s="25" t="s">
        <v>65</v>
      </c>
      <c r="B2" s="26"/>
      <c r="C2" s="22" t="s">
        <v>64</v>
      </c>
      <c r="D2" s="21" t="s">
        <v>63</v>
      </c>
    </row>
    <row r="3" spans="1:4" ht="20.25" customHeight="1">
      <c r="A3" s="27" t="s">
        <v>62</v>
      </c>
      <c r="B3" s="20" t="s">
        <v>61</v>
      </c>
      <c r="C3" s="19" t="s">
        <v>74</v>
      </c>
      <c r="D3" s="18" t="s">
        <v>60</v>
      </c>
    </row>
    <row r="4" spans="1:4" ht="20.25" customHeight="1">
      <c r="A4" s="28"/>
      <c r="B4" s="17" t="s">
        <v>59</v>
      </c>
      <c r="C4" s="16" t="s">
        <v>75</v>
      </c>
      <c r="D4" s="15" t="s">
        <v>58</v>
      </c>
    </row>
    <row r="5" spans="1:4" ht="20.25" customHeight="1">
      <c r="A5" s="28"/>
      <c r="B5" s="17" t="s">
        <v>57</v>
      </c>
      <c r="C5" s="16" t="s">
        <v>76</v>
      </c>
      <c r="D5" s="15" t="s">
        <v>56</v>
      </c>
    </row>
    <row r="6" spans="1:4" ht="20.25" customHeight="1">
      <c r="A6" s="28"/>
      <c r="B6" s="17" t="s">
        <v>55</v>
      </c>
      <c r="C6" s="16" t="s">
        <v>77</v>
      </c>
      <c r="D6" s="15" t="s">
        <v>54</v>
      </c>
    </row>
    <row r="7" spans="1:4" ht="20.25" customHeight="1">
      <c r="A7" s="28"/>
      <c r="B7" s="17" t="s">
        <v>53</v>
      </c>
      <c r="C7" s="16" t="s">
        <v>78</v>
      </c>
      <c r="D7" s="15" t="s">
        <v>52</v>
      </c>
    </row>
    <row r="8" spans="1:4" ht="20.25" customHeight="1">
      <c r="A8" s="28"/>
      <c r="B8" s="17" t="s">
        <v>51</v>
      </c>
      <c r="C8" s="16" t="s">
        <v>79</v>
      </c>
      <c r="D8" s="15" t="s">
        <v>50</v>
      </c>
    </row>
    <row r="9" spans="1:4" ht="20.25" customHeight="1">
      <c r="A9" s="28"/>
      <c r="B9" s="17" t="s">
        <v>49</v>
      </c>
      <c r="C9" s="16" t="s">
        <v>80</v>
      </c>
      <c r="D9" s="15" t="s">
        <v>71</v>
      </c>
    </row>
    <row r="10" spans="1:4" ht="20.25" customHeight="1" thickBot="1">
      <c r="A10" s="29"/>
      <c r="B10" s="14" t="s">
        <v>48</v>
      </c>
      <c r="C10" s="13" t="s">
        <v>81</v>
      </c>
      <c r="D10" s="12" t="s">
        <v>47</v>
      </c>
    </row>
    <row r="11" spans="1:4" ht="20.25" customHeight="1" thickBot="1">
      <c r="A11" s="30" t="s">
        <v>46</v>
      </c>
      <c r="B11" s="31"/>
      <c r="C11" s="11" t="s">
        <v>67</v>
      </c>
      <c r="D11" s="10" t="s">
        <v>45</v>
      </c>
    </row>
    <row r="12" spans="1:4" ht="20.25" customHeight="1" thickBot="1">
      <c r="A12" s="30" t="s">
        <v>44</v>
      </c>
      <c r="B12" s="31"/>
      <c r="C12" s="11" t="s">
        <v>87</v>
      </c>
      <c r="D12" s="10" t="s">
        <v>85</v>
      </c>
    </row>
    <row r="13" spans="1:4" ht="20.25" customHeight="1" thickBot="1">
      <c r="A13" s="30" t="s">
        <v>43</v>
      </c>
      <c r="B13" s="31"/>
      <c r="C13" s="11" t="s">
        <v>42</v>
      </c>
      <c r="D13" s="10" t="s">
        <v>72</v>
      </c>
    </row>
    <row r="14" spans="1:4" ht="20.25" customHeight="1" thickBot="1">
      <c r="A14" s="30" t="s">
        <v>41</v>
      </c>
      <c r="B14" s="31"/>
      <c r="C14" s="11" t="s">
        <v>16</v>
      </c>
      <c r="D14" s="10" t="s">
        <v>40</v>
      </c>
    </row>
    <row r="15" spans="1:4" ht="20.25" customHeight="1" thickBot="1">
      <c r="A15" s="30" t="s">
        <v>39</v>
      </c>
      <c r="B15" s="31"/>
      <c r="C15" s="11" t="s">
        <v>38</v>
      </c>
      <c r="D15" s="10" t="s">
        <v>37</v>
      </c>
    </row>
    <row r="16" spans="1:4" ht="20.25" customHeight="1" thickBot="1">
      <c r="A16" s="30" t="s">
        <v>36</v>
      </c>
      <c r="B16" s="31"/>
      <c r="C16" s="11" t="s">
        <v>9</v>
      </c>
      <c r="D16" s="10" t="s">
        <v>86</v>
      </c>
    </row>
    <row r="17" spans="1:4" ht="20.25" customHeight="1" thickBot="1">
      <c r="A17" s="30" t="s">
        <v>35</v>
      </c>
      <c r="B17" s="31"/>
      <c r="C17" s="11" t="s">
        <v>21</v>
      </c>
      <c r="D17" s="10" t="s">
        <v>73</v>
      </c>
    </row>
    <row r="18" spans="1:4" ht="20.25" customHeight="1" thickBot="1">
      <c r="A18" s="30" t="s">
        <v>34</v>
      </c>
      <c r="B18" s="31"/>
      <c r="C18" s="11" t="s">
        <v>33</v>
      </c>
      <c r="D18" s="10" t="s">
        <v>32</v>
      </c>
    </row>
    <row r="19" spans="1:4" ht="20.25" customHeight="1" thickBot="1">
      <c r="A19" s="30" t="s">
        <v>31</v>
      </c>
      <c r="B19" s="31"/>
      <c r="C19" s="11" t="s">
        <v>68</v>
      </c>
      <c r="D19" s="10" t="s">
        <v>30</v>
      </c>
    </row>
    <row r="20" spans="1:4" ht="20.25" customHeight="1" thickBot="1">
      <c r="A20" s="30" t="s">
        <v>29</v>
      </c>
      <c r="B20" s="31"/>
      <c r="C20" s="11" t="s">
        <v>88</v>
      </c>
      <c r="D20" s="10" t="s">
        <v>28</v>
      </c>
    </row>
    <row r="21" spans="1:4" ht="20.25" customHeight="1" thickBot="1">
      <c r="A21" s="30" t="s">
        <v>27</v>
      </c>
      <c r="B21" s="31"/>
      <c r="C21" s="11" t="s">
        <v>26</v>
      </c>
      <c r="D21" s="10" t="s">
        <v>25</v>
      </c>
    </row>
    <row r="22" spans="1:4" ht="20.25" customHeight="1" thickBot="1">
      <c r="A22" s="30" t="s">
        <v>24</v>
      </c>
      <c r="B22" s="31"/>
      <c r="C22" s="11" t="s">
        <v>21</v>
      </c>
      <c r="D22" s="10" t="s">
        <v>23</v>
      </c>
    </row>
    <row r="23" spans="1:4" ht="20.25" customHeight="1" thickBot="1">
      <c r="A23" s="30" t="s">
        <v>22</v>
      </c>
      <c r="B23" s="31"/>
      <c r="C23" s="11" t="s">
        <v>21</v>
      </c>
      <c r="D23" s="10" t="s">
        <v>69</v>
      </c>
    </row>
    <row r="24" spans="1:4" ht="20.25" customHeight="1" thickBot="1">
      <c r="A24" s="30" t="s">
        <v>20</v>
      </c>
      <c r="B24" s="31"/>
      <c r="C24" s="11" t="s">
        <v>19</v>
      </c>
      <c r="D24" s="10" t="s">
        <v>18</v>
      </c>
    </row>
    <row r="25" spans="1:4" ht="20.25" customHeight="1" thickBot="1">
      <c r="A25" s="30" t="s">
        <v>17</v>
      </c>
      <c r="B25" s="31"/>
      <c r="C25" s="11" t="s">
        <v>16</v>
      </c>
      <c r="D25" s="10" t="s">
        <v>15</v>
      </c>
    </row>
    <row r="26" spans="1:4" ht="20.25" customHeight="1" thickBot="1">
      <c r="A26" s="30" t="s">
        <v>14</v>
      </c>
      <c r="B26" s="31"/>
      <c r="C26" s="11" t="s">
        <v>33</v>
      </c>
      <c r="D26" s="10" t="s">
        <v>70</v>
      </c>
    </row>
    <row r="27" spans="1:4" ht="20.25" customHeight="1" thickBot="1">
      <c r="A27" s="30" t="s">
        <v>13</v>
      </c>
      <c r="B27" s="31"/>
      <c r="C27" s="11" t="s">
        <v>12</v>
      </c>
      <c r="D27" s="10" t="s">
        <v>11</v>
      </c>
    </row>
    <row r="28" spans="1:4" ht="20.25" customHeight="1" thickBot="1">
      <c r="A28" s="30" t="s">
        <v>10</v>
      </c>
      <c r="B28" s="31"/>
      <c r="C28" s="11" t="s">
        <v>83</v>
      </c>
      <c r="D28" s="10" t="s">
        <v>8</v>
      </c>
    </row>
    <row r="29" spans="1:4" ht="20.25" customHeight="1" thickBot="1">
      <c r="A29" s="30" t="s">
        <v>7</v>
      </c>
      <c r="B29" s="31"/>
      <c r="C29" s="11" t="s">
        <v>1</v>
      </c>
      <c r="D29" s="23" t="s">
        <v>84</v>
      </c>
    </row>
    <row r="30" spans="1:4" ht="20.25" customHeight="1" thickBot="1">
      <c r="A30" s="30" t="s">
        <v>6</v>
      </c>
      <c r="B30" s="31"/>
      <c r="C30" s="11" t="s">
        <v>1</v>
      </c>
      <c r="D30" s="10" t="s">
        <v>5</v>
      </c>
    </row>
    <row r="31" spans="1:4" ht="20.25" customHeight="1" thickBot="1">
      <c r="A31" s="30" t="s">
        <v>4</v>
      </c>
      <c r="B31" s="31"/>
      <c r="C31" s="11" t="s">
        <v>1</v>
      </c>
      <c r="D31" s="10" t="s">
        <v>3</v>
      </c>
    </row>
    <row r="32" spans="1:4" ht="20.25" customHeight="1" thickBot="1">
      <c r="A32" s="30" t="s">
        <v>2</v>
      </c>
      <c r="B32" s="31"/>
      <c r="C32" s="11" t="s">
        <v>82</v>
      </c>
      <c r="D32" s="10" t="s">
        <v>0</v>
      </c>
    </row>
    <row r="33" spans="2:5" ht="18" customHeight="1">
      <c r="B33" s="7"/>
      <c r="E33" s="3"/>
    </row>
    <row r="34" spans="2:5" ht="17.45" customHeight="1">
      <c r="B34" s="7"/>
      <c r="E34" s="9"/>
    </row>
    <row r="35" spans="2:5" ht="18" customHeight="1">
      <c r="B35" s="8"/>
      <c r="E35" s="7"/>
    </row>
    <row r="36" spans="2:5" ht="18" customHeight="1">
      <c r="B36"/>
      <c r="E36" s="7"/>
    </row>
    <row r="37" spans="2:5" ht="15.95" customHeight="1">
      <c r="B37"/>
      <c r="E37" s="7"/>
    </row>
    <row r="38" spans="2:5" ht="18" customHeight="1">
      <c r="E38" s="7"/>
    </row>
    <row r="39" spans="2:5" ht="18" customHeight="1">
      <c r="E39" s="7"/>
    </row>
    <row r="40" spans="2:5" ht="18" customHeight="1">
      <c r="E40" s="7"/>
    </row>
    <row r="41" spans="2:5" ht="18" customHeight="1">
      <c r="E41" s="7"/>
    </row>
    <row r="42" spans="2:5" ht="18" customHeight="1">
      <c r="E42" s="7"/>
    </row>
    <row r="43" spans="2:5" ht="18" customHeight="1">
      <c r="E43" s="7"/>
    </row>
    <row r="44" spans="2:5" ht="18" customHeight="1">
      <c r="E44" s="7"/>
    </row>
    <row r="45" spans="2:5" ht="18" customHeight="1">
      <c r="E45" s="7"/>
    </row>
    <row r="46" spans="2:5" ht="18" customHeight="1">
      <c r="E46" s="7"/>
    </row>
    <row r="47" spans="2:5" ht="18" customHeight="1">
      <c r="E47" s="7"/>
    </row>
    <row r="48" spans="2:5" ht="18" customHeight="1">
      <c r="E48" s="7"/>
    </row>
    <row r="49" spans="5:5" ht="18" customHeight="1">
      <c r="E49" s="7"/>
    </row>
    <row r="50" spans="5:5" ht="18" customHeight="1">
      <c r="E50" s="7"/>
    </row>
    <row r="51" spans="5:5" ht="18" customHeight="1">
      <c r="E51" s="5"/>
    </row>
    <row r="52" spans="5:5" ht="18" customHeight="1">
      <c r="E52" s="6"/>
    </row>
    <row r="53" spans="5:5" ht="18" customHeight="1">
      <c r="E53" s="6"/>
    </row>
    <row r="54" spans="5:5" ht="18" customHeight="1">
      <c r="E54" s="6"/>
    </row>
    <row r="55" spans="5:5" ht="18" customHeight="1">
      <c r="E55" s="6"/>
    </row>
    <row r="56" spans="5:5" ht="18" customHeight="1">
      <c r="E56" s="3"/>
    </row>
    <row r="57" spans="5:5" ht="18" customHeight="1">
      <c r="E57" s="5"/>
    </row>
    <row r="58" spans="5:5" ht="18" customHeight="1">
      <c r="E58" s="4"/>
    </row>
    <row r="59" spans="5:5" ht="18" customHeight="1">
      <c r="E59" s="4"/>
    </row>
    <row r="60" spans="5:5" ht="18" customHeight="1">
      <c r="E60" s="4"/>
    </row>
    <row r="61" spans="5:5" ht="18" customHeight="1">
      <c r="E61" s="4"/>
    </row>
    <row r="62" spans="5:5" ht="18" customHeight="1">
      <c r="E62" s="3"/>
    </row>
    <row r="63" spans="5:5" ht="18" customHeight="1"/>
    <row r="64" spans="5:5" ht="18" customHeight="1"/>
    <row r="65" ht="18" customHeight="1"/>
    <row r="66" ht="18" customHeight="1"/>
    <row r="67" ht="18" customHeight="1"/>
    <row r="68" ht="18" customHeight="1"/>
    <row r="69" ht="18" customHeight="1"/>
    <row r="70" ht="18" customHeight="1"/>
    <row r="71" ht="18" customHeight="1"/>
    <row r="72" ht="18" customHeight="1"/>
    <row r="73" ht="18" customHeight="1"/>
    <row r="74" ht="18" customHeight="1"/>
    <row r="75" ht="18" customHeight="1"/>
    <row r="76" ht="18" customHeight="1"/>
    <row r="77" ht="18" customHeight="1"/>
    <row r="78" ht="18" customHeight="1"/>
    <row r="79" ht="18" customHeight="1"/>
    <row r="80" ht="18" customHeight="1"/>
    <row r="81" spans="1:6" ht="18" customHeight="1">
      <c r="E81" s="2"/>
      <c r="F81" s="2"/>
    </row>
    <row r="82" spans="1:6" s="2" customFormat="1" ht="18" customHeight="1">
      <c r="A82" s="1"/>
      <c r="B82" s="1"/>
      <c r="C82" s="1"/>
      <c r="D82" s="1"/>
      <c r="E82" s="1"/>
      <c r="F82" s="1"/>
    </row>
    <row r="83" spans="1:6" ht="18" customHeight="1"/>
    <row r="84" spans="1:6" ht="18" customHeight="1"/>
    <row r="85" spans="1:6" ht="18" customHeight="1"/>
    <row r="86" spans="1:6" ht="18" customHeight="1"/>
    <row r="87" spans="1:6" ht="18" customHeight="1"/>
    <row r="88" spans="1:6" ht="18" customHeight="1"/>
    <row r="89" spans="1:6" ht="17.45" customHeight="1"/>
    <row r="90" spans="1:6" ht="18" customHeight="1"/>
    <row r="91" spans="1:6" ht="18" customHeight="1"/>
    <row r="92" spans="1:6" ht="18" customHeight="1"/>
    <row r="93" spans="1:6" ht="18" customHeight="1"/>
    <row r="94" spans="1:6" ht="18" customHeight="1"/>
    <row r="95" spans="1:6" ht="18" customHeight="1"/>
    <row r="96" spans="1:6" ht="18" customHeight="1"/>
    <row r="97" ht="18" customHeight="1"/>
    <row r="98" ht="18" customHeight="1"/>
    <row r="99" ht="18" customHeight="1"/>
    <row r="100" ht="18" customHeight="1"/>
    <row r="101" ht="18" customHeight="1"/>
    <row r="102" ht="18" customHeight="1"/>
    <row r="103" ht="18" customHeight="1"/>
    <row r="104" ht="18" customHeight="1"/>
    <row r="105" ht="18" customHeight="1"/>
    <row r="106" ht="18" customHeight="1"/>
    <row r="107" ht="18" customHeight="1"/>
    <row r="108" ht="18" customHeight="1"/>
    <row r="109" ht="18" customHeight="1"/>
    <row r="110" ht="18" customHeight="1"/>
    <row r="111" ht="18" customHeight="1"/>
    <row r="112" ht="18" customHeight="1"/>
    <row r="113" spans="5:5" ht="18" customHeight="1"/>
    <row r="114" spans="5:5" ht="18" customHeight="1"/>
    <row r="115" spans="5:5" ht="18" customHeight="1"/>
    <row r="116" spans="5:5" ht="18" customHeight="1"/>
    <row r="117" spans="5:5" ht="18" customHeight="1"/>
    <row r="118" spans="5:5" ht="18" customHeight="1">
      <c r="E118"/>
    </row>
    <row r="119" spans="5:5" ht="18" customHeight="1">
      <c r="E119"/>
    </row>
    <row r="120" spans="5:5" ht="18" customHeight="1">
      <c r="E120"/>
    </row>
    <row r="121" spans="5:5" ht="18" customHeight="1">
      <c r="E121"/>
    </row>
    <row r="122" spans="5:5" ht="18" customHeight="1">
      <c r="E122"/>
    </row>
    <row r="123" spans="5:5" ht="18" customHeight="1"/>
  </sheetData>
  <mergeCells count="25">
    <mergeCell ref="A29:B29"/>
    <mergeCell ref="A30:B30"/>
    <mergeCell ref="A31:B31"/>
    <mergeCell ref="A32:B32"/>
    <mergeCell ref="A23:B23"/>
    <mergeCell ref="A24:B24"/>
    <mergeCell ref="A25:B25"/>
    <mergeCell ref="A26:B26"/>
    <mergeCell ref="A27:B27"/>
    <mergeCell ref="A28:B28"/>
    <mergeCell ref="A18:B18"/>
    <mergeCell ref="A19:B19"/>
    <mergeCell ref="A20:B20"/>
    <mergeCell ref="A21:B21"/>
    <mergeCell ref="A22:B22"/>
    <mergeCell ref="A13:B13"/>
    <mergeCell ref="A14:B14"/>
    <mergeCell ref="A15:B15"/>
    <mergeCell ref="A16:B16"/>
    <mergeCell ref="A17:B17"/>
    <mergeCell ref="A1:D1"/>
    <mergeCell ref="A2:B2"/>
    <mergeCell ref="A3:A10"/>
    <mergeCell ref="A11:B11"/>
    <mergeCell ref="A12:B12"/>
  </mergeCells>
  <phoneticPr fontId="2"/>
  <printOptions horizontalCentered="1"/>
  <pageMargins left="0.19685039370078741" right="0.11811023622047245" top="0.47" bottom="0.35433070866141736" header="0.51181102362204722" footer="0.51181102362204722"/>
  <pageSetup paperSize="9" scale="85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特別障害者手当等</vt:lpstr>
      <vt:lpstr>特別障害者手当等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広島県</cp:lastModifiedBy>
  <dcterms:created xsi:type="dcterms:W3CDTF">2014-09-09T06:40:09Z</dcterms:created>
  <dcterms:modified xsi:type="dcterms:W3CDTF">2024-04-10T05:17:03Z</dcterms:modified>
</cp:coreProperties>
</file>